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toyama-city.local\09福祉保健部\0920長寿福祉\s1\長寿福祉課各係\介護予防推進係\101高齢者生きがい対策事業\老人クラブ・市老連\○単位老人クラブ補助金\R6\00_発送業務\03_市HP掲載\"/>
    </mc:Choice>
  </mc:AlternateContent>
  <bookViews>
    <workbookView xWindow="0" yWindow="0" windowWidth="23040" windowHeight="9108"/>
  </bookViews>
  <sheets>
    <sheet name="名簿" sheetId="2" r:id="rId1"/>
  </sheets>
  <calcPr calcId="0"/>
</workbook>
</file>

<file path=xl/sharedStrings.xml><?xml version="1.0" encoding="utf-8"?>
<sst xmlns="http://schemas.openxmlformats.org/spreadsheetml/2006/main" count="140" uniqueCount="11">
  <si>
    <r>
      <t>・満60歳以上(４月１日現在)の役員を含めた会員の方をご記入ください。</t>
    </r>
    <r>
      <rPr>
        <sz val="11"/>
        <color theme="1"/>
        <rFont val="ＭＳ Ｐ明朝"/>
        <family val="1"/>
        <charset val="128"/>
      </rPr>
      <t xml:space="preserve">        </t>
    </r>
  </si>
  <si>
    <t>№</t>
  </si>
  <si>
    <t>氏名</t>
  </si>
  <si>
    <t>性別</t>
  </si>
  <si>
    <t>男・女</t>
  </si>
  <si>
    <t>『氏名、性別』が分かれば他の様式でも可。</t>
  </si>
  <si>
    <t>№</t>
    <phoneticPr fontId="27"/>
  </si>
  <si>
    <t>No.1</t>
    <phoneticPr fontId="27"/>
  </si>
  <si>
    <t>No.2</t>
    <phoneticPr fontId="27"/>
  </si>
  <si>
    <r>
      <t>様式第３号（第７条関係）　</t>
    </r>
    <r>
      <rPr>
        <sz val="16"/>
        <color theme="1"/>
        <rFont val="ＭＳ Ｐ明朝"/>
        <family val="1"/>
        <charset val="128"/>
      </rPr>
      <t>令和６年度　会員名簿　</t>
    </r>
    <rPh sb="13" eb="15">
      <t>レイワ</t>
    </rPh>
    <phoneticPr fontId="27"/>
  </si>
  <si>
    <r>
      <t>様式第３号の２（第７条関係）</t>
    </r>
    <r>
      <rPr>
        <sz val="12"/>
        <color theme="1"/>
        <rFont val="ＭＳ Ｐ明朝"/>
        <family val="1"/>
        <charset val="128"/>
      </rPr>
      <t>　</t>
    </r>
    <r>
      <rPr>
        <sz val="16"/>
        <color theme="1"/>
        <rFont val="ＭＳ Ｐ明朝"/>
        <family val="1"/>
        <charset val="128"/>
      </rPr>
      <t>令和６年度　会員名簿　</t>
    </r>
    <rPh sb="15" eb="17">
      <t>レイワ</t>
    </rPh>
    <phoneticPr fontId="2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9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Ｐゴシック"/>
      <family val="2"/>
      <charset val="128"/>
      <scheme val="minor"/>
    </font>
    <font>
      <b/>
      <sz val="13"/>
      <color theme="3"/>
      <name val="ＭＳ Ｐゴシック"/>
      <family val="2"/>
      <charset val="128"/>
      <scheme val="minor"/>
    </font>
    <font>
      <b/>
      <sz val="11"/>
      <color theme="3"/>
      <name val="ＭＳ Ｐゴシック"/>
      <family val="2"/>
      <charset val="128"/>
      <scheme val="minor"/>
    </font>
    <font>
      <sz val="11"/>
      <color rgb="FF006100"/>
      <name val="ＭＳ Ｐゴシック"/>
      <family val="2"/>
      <charset val="128"/>
      <scheme val="minor"/>
    </font>
    <font>
      <sz val="11"/>
      <color rgb="FF9C0006"/>
      <name val="ＭＳ Ｐゴシック"/>
      <family val="2"/>
      <charset val="128"/>
      <scheme val="minor"/>
    </font>
    <font>
      <sz val="11"/>
      <color rgb="FF9C6500"/>
      <name val="ＭＳ Ｐゴシック"/>
      <family val="2"/>
      <charset val="128"/>
      <scheme val="minor"/>
    </font>
    <font>
      <sz val="11"/>
      <color rgb="FF3F3F76"/>
      <name val="ＭＳ Ｐゴシック"/>
      <family val="2"/>
      <charset val="128"/>
      <scheme val="minor"/>
    </font>
    <font>
      <b/>
      <sz val="11"/>
      <color rgb="FF3F3F3F"/>
      <name val="ＭＳ Ｐゴシック"/>
      <family val="2"/>
      <charset val="128"/>
      <scheme val="minor"/>
    </font>
    <font>
      <b/>
      <sz val="11"/>
      <color rgb="FFFA7D00"/>
      <name val="ＭＳ Ｐゴシック"/>
      <family val="2"/>
      <charset val="128"/>
      <scheme val="minor"/>
    </font>
    <font>
      <sz val="11"/>
      <color rgb="FFFA7D00"/>
      <name val="ＭＳ Ｐゴシック"/>
      <family val="2"/>
      <charset val="128"/>
      <scheme val="minor"/>
    </font>
    <font>
      <b/>
      <sz val="11"/>
      <color theme="0"/>
      <name val="ＭＳ Ｐゴシック"/>
      <family val="2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i/>
      <sz val="11"/>
      <color rgb="FF7F7F7F"/>
      <name val="ＭＳ Ｐゴシック"/>
      <family val="2"/>
      <charset val="128"/>
      <scheme val="minor"/>
    </font>
    <font>
      <b/>
      <sz val="11"/>
      <color theme="1"/>
      <name val="ＭＳ Ｐゴシック"/>
      <family val="2"/>
      <charset val="128"/>
      <scheme val="minor"/>
    </font>
    <font>
      <sz val="11"/>
      <color theme="0"/>
      <name val="ＭＳ Ｐ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6"/>
      <color theme="1"/>
      <name val="ＭＳ Ｐ明朝"/>
      <family val="1"/>
      <charset val="128"/>
    </font>
    <font>
      <u/>
      <sz val="14"/>
      <color theme="1"/>
      <name val="HG丸ｺﾞｼｯｸM-PRO"/>
      <family val="3"/>
      <charset val="128"/>
    </font>
    <font>
      <sz val="12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12"/>
      <color theme="1"/>
      <name val="HG丸ｺﾞｼｯｸM-PRO"/>
      <family val="3"/>
      <charset val="128"/>
    </font>
    <font>
      <sz val="10.5"/>
      <color theme="1"/>
      <name val="ＭＳ Ｐ明朝"/>
      <family val="1"/>
      <charset val="128"/>
    </font>
    <font>
      <sz val="10.5"/>
      <color theme="1"/>
      <name val="HG丸ｺﾞｼｯｸM-PRO"/>
      <family val="3"/>
      <charset val="128"/>
    </font>
    <font>
      <sz val="6"/>
      <name val="ＭＳ Ｐゴシック"/>
      <family val="2"/>
      <charset val="128"/>
      <scheme val="minor"/>
    </font>
    <font>
      <b/>
      <u/>
      <sz val="13"/>
      <color theme="1"/>
      <name val="ＭＳ Ｐゴシック"/>
      <family val="3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37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7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7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7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7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7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7" fillId="32" borderId="0" applyNumberFormat="0" applyBorder="0" applyAlignment="0" applyProtection="0">
      <alignment vertical="center"/>
    </xf>
  </cellStyleXfs>
  <cellXfs count="41">
    <xf numFmtId="0" fontId="0" fillId="0" borderId="0" xfId="0">
      <alignment vertical="center"/>
    </xf>
    <xf numFmtId="0" fontId="18" fillId="0" borderId="0" xfId="0" applyFont="1" applyAlignment="1">
      <alignment horizontal="left" vertical="center"/>
    </xf>
    <xf numFmtId="0" fontId="21" fillId="0" borderId="0" xfId="0" applyFont="1" applyAlignment="1">
      <alignment horizontal="left" vertical="center"/>
    </xf>
    <xf numFmtId="0" fontId="19" fillId="0" borderId="0" xfId="0" applyFont="1" applyAlignment="1">
      <alignment horizontal="justify" vertical="center"/>
    </xf>
    <xf numFmtId="0" fontId="24" fillId="0" borderId="11" xfId="0" applyFont="1" applyBorder="1" applyAlignment="1">
      <alignment horizontal="center" vertical="center"/>
    </xf>
    <xf numFmtId="0" fontId="22" fillId="0" borderId="11" xfId="0" applyFont="1" applyBorder="1" applyAlignment="1">
      <alignment horizontal="center" vertical="center"/>
    </xf>
    <xf numFmtId="0" fontId="22" fillId="0" borderId="12" xfId="0" applyFont="1" applyBorder="1" applyAlignment="1">
      <alignment horizontal="center" vertical="center"/>
    </xf>
    <xf numFmtId="0" fontId="25" fillId="0" borderId="13" xfId="0" applyFont="1" applyBorder="1" applyAlignment="1">
      <alignment horizontal="center" vertical="center"/>
    </xf>
    <xf numFmtId="0" fontId="22" fillId="0" borderId="14" xfId="0" applyFont="1" applyBorder="1" applyAlignment="1">
      <alignment horizontal="center" vertical="center"/>
    </xf>
    <xf numFmtId="0" fontId="22" fillId="0" borderId="15" xfId="0" applyFont="1" applyBorder="1" applyAlignment="1">
      <alignment horizontal="center" vertical="center"/>
    </xf>
    <xf numFmtId="0" fontId="25" fillId="0" borderId="16" xfId="0" applyFont="1" applyBorder="1" applyAlignment="1">
      <alignment horizontal="center" vertical="center"/>
    </xf>
    <xf numFmtId="0" fontId="22" fillId="0" borderId="17" xfId="0" applyFont="1" applyBorder="1" applyAlignment="1">
      <alignment horizontal="center" vertical="center"/>
    </xf>
    <xf numFmtId="0" fontId="24" fillId="0" borderId="18" xfId="0" applyFont="1" applyBorder="1" applyAlignment="1">
      <alignment horizontal="center" vertical="center"/>
    </xf>
    <xf numFmtId="0" fontId="22" fillId="0" borderId="18" xfId="0" applyFont="1" applyBorder="1" applyAlignment="1">
      <alignment horizontal="center" vertical="center"/>
    </xf>
    <xf numFmtId="0" fontId="25" fillId="0" borderId="19" xfId="0" applyFont="1" applyBorder="1" applyAlignment="1">
      <alignment horizontal="center" vertical="center"/>
    </xf>
    <xf numFmtId="0" fontId="22" fillId="0" borderId="20" xfId="0" applyFont="1" applyBorder="1" applyAlignment="1">
      <alignment horizontal="center" vertical="center"/>
    </xf>
    <xf numFmtId="0" fontId="24" fillId="0" borderId="21" xfId="0" applyFont="1" applyBorder="1" applyAlignment="1">
      <alignment horizontal="center" vertical="center"/>
    </xf>
    <xf numFmtId="0" fontId="22" fillId="0" borderId="21" xfId="0" applyFont="1" applyBorder="1" applyAlignment="1">
      <alignment horizontal="center" vertical="center"/>
    </xf>
    <xf numFmtId="0" fontId="25" fillId="0" borderId="22" xfId="0" applyFont="1" applyBorder="1" applyAlignment="1">
      <alignment horizontal="center" vertical="center"/>
    </xf>
    <xf numFmtId="0" fontId="24" fillId="0" borderId="15" xfId="0" applyFont="1" applyBorder="1" applyAlignment="1">
      <alignment horizontal="center" vertical="center"/>
    </xf>
    <xf numFmtId="0" fontId="22" fillId="0" borderId="23" xfId="0" applyFont="1" applyBorder="1" applyAlignment="1">
      <alignment horizontal="center" vertical="center"/>
    </xf>
    <xf numFmtId="0" fontId="22" fillId="0" borderId="24" xfId="0" applyFont="1" applyBorder="1" applyAlignment="1">
      <alignment horizontal="center" vertical="center"/>
    </xf>
    <xf numFmtId="0" fontId="25" fillId="0" borderId="25" xfId="0" applyFont="1" applyBorder="1" applyAlignment="1">
      <alignment horizontal="center" vertical="center"/>
    </xf>
    <xf numFmtId="0" fontId="22" fillId="0" borderId="26" xfId="0" applyFont="1" applyBorder="1" applyAlignment="1">
      <alignment horizontal="center" vertical="center"/>
    </xf>
    <xf numFmtId="0" fontId="22" fillId="0" borderId="27" xfId="0" applyFont="1" applyBorder="1" applyAlignment="1">
      <alignment horizontal="center" vertical="center"/>
    </xf>
    <xf numFmtId="0" fontId="22" fillId="0" borderId="28" xfId="0" applyFont="1" applyBorder="1" applyAlignment="1">
      <alignment horizontal="center" vertical="center"/>
    </xf>
    <xf numFmtId="0" fontId="22" fillId="0" borderId="29" xfId="0" applyFont="1" applyBorder="1" applyAlignment="1">
      <alignment horizontal="center" vertical="center"/>
    </xf>
    <xf numFmtId="0" fontId="22" fillId="0" borderId="30" xfId="0" applyFont="1" applyBorder="1" applyAlignment="1">
      <alignment horizontal="center" vertical="center"/>
    </xf>
    <xf numFmtId="0" fontId="23" fillId="0" borderId="31" xfId="0" applyFont="1" applyBorder="1" applyAlignment="1">
      <alignment horizontal="center" vertical="center"/>
    </xf>
    <xf numFmtId="0" fontId="23" fillId="0" borderId="32" xfId="0" applyFont="1" applyBorder="1" applyAlignment="1">
      <alignment horizontal="center" vertical="center"/>
    </xf>
    <xf numFmtId="0" fontId="23" fillId="0" borderId="33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23" fillId="0" borderId="10" xfId="0" applyFont="1" applyBorder="1" applyAlignment="1">
      <alignment horizontal="center" vertical="center"/>
    </xf>
    <xf numFmtId="0" fontId="23" fillId="0" borderId="34" xfId="0" applyFont="1" applyBorder="1" applyAlignment="1">
      <alignment horizontal="center" vertical="center"/>
    </xf>
    <xf numFmtId="0" fontId="23" fillId="0" borderId="35" xfId="0" applyFont="1" applyBorder="1" applyAlignment="1">
      <alignment horizontal="center" vertical="center"/>
    </xf>
    <xf numFmtId="0" fontId="23" fillId="0" borderId="36" xfId="0" applyFont="1" applyBorder="1" applyAlignment="1">
      <alignment horizontal="center" vertical="center"/>
    </xf>
    <xf numFmtId="0" fontId="28" fillId="0" borderId="0" xfId="0" applyFont="1" applyAlignment="1">
      <alignment horizontal="right" vertical="center"/>
    </xf>
    <xf numFmtId="0" fontId="26" fillId="0" borderId="0" xfId="0" applyFont="1" applyAlignment="1">
      <alignment horizontal="center" wrapText="1"/>
    </xf>
    <xf numFmtId="0" fontId="0" fillId="0" borderId="0" xfId="0" applyAlignment="1">
      <alignment horizontal="center"/>
    </xf>
    <xf numFmtId="0" fontId="26" fillId="0" borderId="0" xfId="0" applyFont="1" applyAlignment="1">
      <alignment horizontal="center" vertical="center" wrapText="1"/>
    </xf>
    <xf numFmtId="0" fontId="0" fillId="0" borderId="0" xfId="0" applyAlignment="1">
      <alignment horizontal="center" vertical="center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0</xdr:colOff>
      <xdr:row>8</xdr:row>
      <xdr:rowOff>0</xdr:rowOff>
    </xdr:from>
    <xdr:to>
      <xdr:col>4</xdr:col>
      <xdr:colOff>175260</xdr:colOff>
      <xdr:row>8</xdr:row>
      <xdr:rowOff>266700</xdr:rowOff>
    </xdr:to>
    <xdr:grpSp>
      <xdr:nvGrpSpPr>
        <xdr:cNvPr id="1346" name="Group 322"/>
        <xdr:cNvGrpSpPr>
          <a:grpSpLocks noChangeAspect="1"/>
        </xdr:cNvGrpSpPr>
      </xdr:nvGrpSpPr>
      <xdr:grpSpPr bwMode="auto">
        <a:xfrm>
          <a:off x="3645877" y="2321169"/>
          <a:ext cx="175260" cy="266700"/>
          <a:chOff x="-7350" y="1575"/>
          <a:chExt cx="26535" cy="4248"/>
        </a:xfrm>
      </xdr:grpSpPr>
      <xdr:sp macro="" textlink="">
        <xdr:nvSpPr>
          <xdr:cNvPr id="1347" name="AutoShape 323"/>
          <xdr:cNvSpPr>
            <a:spLocks noChangeAspect="1" noChangeArrowheads="1" noTextEdit="1"/>
          </xdr:cNvSpPr>
        </xdr:nvSpPr>
        <xdr:spPr bwMode="auto">
          <a:xfrm>
            <a:off x="-7350" y="1575"/>
            <a:ext cx="26535" cy="4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</xdr:grpSp>
    <xdr:clientData/>
  </xdr:twoCellAnchor>
  <xdr:twoCellAnchor>
    <xdr:from>
      <xdr:col>4</xdr:col>
      <xdr:colOff>0</xdr:colOff>
      <xdr:row>45</xdr:row>
      <xdr:rowOff>0</xdr:rowOff>
    </xdr:from>
    <xdr:to>
      <xdr:col>4</xdr:col>
      <xdr:colOff>175260</xdr:colOff>
      <xdr:row>45</xdr:row>
      <xdr:rowOff>266700</xdr:rowOff>
    </xdr:to>
    <xdr:grpSp>
      <xdr:nvGrpSpPr>
        <xdr:cNvPr id="1359" name="Group 335"/>
        <xdr:cNvGrpSpPr>
          <a:grpSpLocks noChangeAspect="1"/>
        </xdr:cNvGrpSpPr>
      </xdr:nvGrpSpPr>
      <xdr:grpSpPr bwMode="auto">
        <a:xfrm>
          <a:off x="3645877" y="12643338"/>
          <a:ext cx="175260" cy="266700"/>
          <a:chOff x="-7350" y="1575"/>
          <a:chExt cx="26535" cy="4248"/>
        </a:xfrm>
      </xdr:grpSpPr>
      <xdr:sp macro="" textlink="">
        <xdr:nvSpPr>
          <xdr:cNvPr id="1360" name="AutoShape 336"/>
          <xdr:cNvSpPr>
            <a:spLocks noChangeAspect="1" noChangeArrowheads="1" noTextEdit="1"/>
          </xdr:cNvSpPr>
        </xdr:nvSpPr>
        <xdr:spPr bwMode="auto">
          <a:xfrm>
            <a:off x="-7350" y="1575"/>
            <a:ext cx="26535" cy="4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</xdr:grpSp>
    <xdr:clientData/>
  </xdr:twoCellAnchor>
  <xdr:twoCellAnchor>
    <xdr:from>
      <xdr:col>2</xdr:col>
      <xdr:colOff>175260</xdr:colOff>
      <xdr:row>35</xdr:row>
      <xdr:rowOff>68580</xdr:rowOff>
    </xdr:from>
    <xdr:to>
      <xdr:col>2</xdr:col>
      <xdr:colOff>365760</xdr:colOff>
      <xdr:row>36</xdr:row>
      <xdr:rowOff>152400</xdr:rowOff>
    </xdr:to>
    <xdr:grpSp>
      <xdr:nvGrpSpPr>
        <xdr:cNvPr id="1348" name="Group 324"/>
        <xdr:cNvGrpSpPr>
          <a:grpSpLocks noChangeAspect="1"/>
        </xdr:cNvGrpSpPr>
      </xdr:nvGrpSpPr>
      <xdr:grpSpPr bwMode="auto">
        <a:xfrm>
          <a:off x="2555045" y="10044918"/>
          <a:ext cx="190500" cy="265528"/>
          <a:chOff x="-8433" y="1620"/>
          <a:chExt cx="28710" cy="4203"/>
        </a:xfrm>
      </xdr:grpSpPr>
      <xdr:sp macro="" textlink="">
        <xdr:nvSpPr>
          <xdr:cNvPr id="1349" name="AutoShape 325"/>
          <xdr:cNvSpPr>
            <a:spLocks noChangeAspect="1" noChangeArrowheads="1" noTextEdit="1"/>
          </xdr:cNvSpPr>
        </xdr:nvSpPr>
        <xdr:spPr bwMode="auto">
          <a:xfrm>
            <a:off x="-8433" y="1620"/>
            <a:ext cx="28710" cy="42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</xdr:grpSp>
    <xdr:clientData/>
  </xdr:twoCellAnchor>
  <xdr:twoCellAnchor>
    <xdr:from>
      <xdr:col>2</xdr:col>
      <xdr:colOff>175260</xdr:colOff>
      <xdr:row>72</xdr:row>
      <xdr:rowOff>68580</xdr:rowOff>
    </xdr:from>
    <xdr:to>
      <xdr:col>2</xdr:col>
      <xdr:colOff>365760</xdr:colOff>
      <xdr:row>74</xdr:row>
      <xdr:rowOff>0</xdr:rowOff>
    </xdr:to>
    <xdr:grpSp>
      <xdr:nvGrpSpPr>
        <xdr:cNvPr id="1361" name="Group 337"/>
        <xdr:cNvGrpSpPr>
          <a:grpSpLocks noChangeAspect="1"/>
        </xdr:cNvGrpSpPr>
      </xdr:nvGrpSpPr>
      <xdr:grpSpPr bwMode="auto">
        <a:xfrm>
          <a:off x="2555045" y="20331918"/>
          <a:ext cx="190500" cy="271390"/>
          <a:chOff x="-8433" y="1620"/>
          <a:chExt cx="28710" cy="4203"/>
        </a:xfrm>
      </xdr:grpSpPr>
      <xdr:sp macro="" textlink="">
        <xdr:nvSpPr>
          <xdr:cNvPr id="1362" name="AutoShape 338"/>
          <xdr:cNvSpPr>
            <a:spLocks noChangeAspect="1" noChangeArrowheads="1" noTextEdit="1"/>
          </xdr:cNvSpPr>
        </xdr:nvSpPr>
        <xdr:spPr bwMode="auto">
          <a:xfrm>
            <a:off x="-8433" y="1620"/>
            <a:ext cx="28710" cy="42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xdr:spPr>
      </xdr:sp>
    </xdr:grpSp>
    <xdr:clientData/>
  </xdr:twoCellAnchor>
  <xdr:twoCellAnchor>
    <xdr:from>
      <xdr:col>1</xdr:col>
      <xdr:colOff>1744980</xdr:colOff>
      <xdr:row>72</xdr:row>
      <xdr:rowOff>30480</xdr:rowOff>
    </xdr:from>
    <xdr:to>
      <xdr:col>4</xdr:col>
      <xdr:colOff>655320</xdr:colOff>
      <xdr:row>74</xdr:row>
      <xdr:rowOff>91440</xdr:rowOff>
    </xdr:to>
    <xdr:sp macro="" textlink="">
      <xdr:nvSpPr>
        <xdr:cNvPr id="1371" name="Rectangle 347"/>
        <xdr:cNvSpPr>
          <a:spLocks noChangeArrowheads="1"/>
        </xdr:cNvSpPr>
      </xdr:nvSpPr>
      <xdr:spPr bwMode="auto">
        <a:xfrm>
          <a:off x="2240280" y="20436840"/>
          <a:ext cx="2065020" cy="396240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提出書類（１）－③</a:t>
          </a:r>
          <a:endParaRPr lang="ja-JP" altLang="en-US" sz="1400" b="0" i="0" u="none" strike="noStrike" baseline="0">
            <a:solidFill>
              <a:srgbClr val="000000"/>
            </a:solidFill>
            <a:latin typeface="Century"/>
            <a:ea typeface="ＭＳ 明朝"/>
          </a:endParaRPr>
        </a:p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Century"/>
              <a:ea typeface="ＭＳ 明朝"/>
            </a:rPr>
            <a:t> </a:t>
          </a:r>
          <a:endParaRPr lang="ja-JP" altLang="en-US" sz="1400" b="0" i="0" u="none" strike="noStrike" baseline="0">
            <a:solidFill>
              <a:srgbClr val="000000"/>
            </a:solidFill>
            <a:latin typeface="Century"/>
          </a:endParaRPr>
        </a:p>
      </xdr:txBody>
    </xdr:sp>
    <xdr:clientData/>
  </xdr:twoCellAnchor>
  <xdr:twoCellAnchor>
    <xdr:from>
      <xdr:col>1</xdr:col>
      <xdr:colOff>1607820</xdr:colOff>
      <xdr:row>34</xdr:row>
      <xdr:rowOff>152400</xdr:rowOff>
    </xdr:from>
    <xdr:to>
      <xdr:col>4</xdr:col>
      <xdr:colOff>518160</xdr:colOff>
      <xdr:row>36</xdr:row>
      <xdr:rowOff>160020</xdr:rowOff>
    </xdr:to>
    <xdr:sp macro="" textlink="">
      <xdr:nvSpPr>
        <xdr:cNvPr id="13" name="Rectangle 347"/>
        <xdr:cNvSpPr>
          <a:spLocks noChangeArrowheads="1"/>
        </xdr:cNvSpPr>
      </xdr:nvSpPr>
      <xdr:spPr bwMode="auto">
        <a:xfrm>
          <a:off x="2103120" y="9989820"/>
          <a:ext cx="2065020" cy="396240"/>
        </a:xfrm>
        <a:prstGeom prst="rect">
          <a:avLst/>
        </a:prstGeom>
        <a:solidFill>
          <a:srgbClr val="FFFFFF"/>
        </a:solidFill>
        <a:ln>
          <a:noFill/>
        </a:ln>
        <a:extLs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  <xdr:txBody>
        <a:bodyPr vertOverflow="clip" wrap="square" lIns="74295" tIns="8890" rIns="74295" bIns="889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提出書類（１）－③</a:t>
          </a:r>
          <a:r>
            <a:rPr lang="ja-JP" altLang="en-US" sz="1400" b="0" i="0" u="none" strike="noStrike" baseline="0">
              <a:solidFill>
                <a:srgbClr val="000000"/>
              </a:solidFill>
              <a:latin typeface="Century"/>
              <a:ea typeface="ＭＳ 明朝"/>
            </a:rPr>
            <a:t> </a:t>
          </a:r>
          <a:endParaRPr lang="ja-JP" altLang="en-US" sz="1400" b="0" i="0" u="none" strike="noStrike" baseline="0">
            <a:solidFill>
              <a:srgbClr val="000000"/>
            </a:solidFill>
            <a:latin typeface="Century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410000" mc:Ignorable="a14" a14:legacySpreadsheetColorIndex="65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72"/>
  <sheetViews>
    <sheetView showGridLines="0" tabSelected="1" view="pageBreakPreview" zoomScale="130" zoomScaleNormal="100" zoomScaleSheetLayoutView="130" workbookViewId="0">
      <selection activeCell="A39" sqref="A39"/>
    </sheetView>
  </sheetViews>
  <sheetFormatPr defaultRowHeight="13.2" x14ac:dyDescent="0.2"/>
  <cols>
    <col min="1" max="1" width="7.21875" customWidth="1"/>
    <col min="2" max="2" width="27.44140625" customWidth="1"/>
    <col min="3" max="3" width="11.109375" customWidth="1"/>
    <col min="4" max="4" width="7.33203125" customWidth="1"/>
    <col min="5" max="5" width="27.44140625" customWidth="1"/>
    <col min="6" max="6" width="11.33203125" customWidth="1"/>
  </cols>
  <sheetData>
    <row r="1" spans="1:6" ht="22.95" customHeight="1" x14ac:dyDescent="0.2">
      <c r="A1" s="1" t="s">
        <v>9</v>
      </c>
      <c r="B1" s="2"/>
      <c r="F1" s="36" t="s">
        <v>7</v>
      </c>
    </row>
    <row r="2" spans="1:6" ht="25.95" customHeight="1" thickBot="1" x14ac:dyDescent="0.25">
      <c r="A2" s="2" t="s">
        <v>0</v>
      </c>
    </row>
    <row r="3" spans="1:6" s="31" customFormat="1" ht="21" customHeight="1" thickBot="1" x14ac:dyDescent="0.25">
      <c r="A3" s="32" t="s">
        <v>6</v>
      </c>
      <c r="B3" s="30" t="s">
        <v>2</v>
      </c>
      <c r="C3" s="28" t="s">
        <v>3</v>
      </c>
      <c r="D3" s="29" t="s">
        <v>1</v>
      </c>
      <c r="E3" s="30" t="s">
        <v>2</v>
      </c>
      <c r="F3" s="28" t="s">
        <v>3</v>
      </c>
    </row>
    <row r="4" spans="1:6" s="31" customFormat="1" ht="22.95" customHeight="1" x14ac:dyDescent="0.2">
      <c r="A4" s="11">
        <v>1</v>
      </c>
      <c r="B4" s="16"/>
      <c r="C4" s="18" t="s">
        <v>4</v>
      </c>
      <c r="D4" s="23">
        <v>31</v>
      </c>
      <c r="E4" s="17"/>
      <c r="F4" s="18" t="s">
        <v>4</v>
      </c>
    </row>
    <row r="5" spans="1:6" s="31" customFormat="1" ht="22.95" customHeight="1" x14ac:dyDescent="0.2">
      <c r="A5" s="6">
        <v>2</v>
      </c>
      <c r="B5" s="4"/>
      <c r="C5" s="7" t="s">
        <v>4</v>
      </c>
      <c r="D5" s="24">
        <v>32</v>
      </c>
      <c r="E5" s="5"/>
      <c r="F5" s="7" t="s">
        <v>4</v>
      </c>
    </row>
    <row r="6" spans="1:6" s="31" customFormat="1" ht="22.95" customHeight="1" x14ac:dyDescent="0.2">
      <c r="A6" s="6">
        <v>3</v>
      </c>
      <c r="B6" s="4"/>
      <c r="C6" s="7" t="s">
        <v>4</v>
      </c>
      <c r="D6" s="24">
        <v>33</v>
      </c>
      <c r="E6" s="5"/>
      <c r="F6" s="7" t="s">
        <v>4</v>
      </c>
    </row>
    <row r="7" spans="1:6" s="31" customFormat="1" ht="22.95" customHeight="1" x14ac:dyDescent="0.2">
      <c r="A7" s="6">
        <v>4</v>
      </c>
      <c r="B7" s="4"/>
      <c r="C7" s="7" t="s">
        <v>4</v>
      </c>
      <c r="D7" s="24">
        <v>34</v>
      </c>
      <c r="E7" s="5"/>
      <c r="F7" s="7" t="s">
        <v>4</v>
      </c>
    </row>
    <row r="8" spans="1:6" s="31" customFormat="1" ht="22.95" customHeight="1" thickBot="1" x14ac:dyDescent="0.25">
      <c r="A8" s="8">
        <v>5</v>
      </c>
      <c r="B8" s="19"/>
      <c r="C8" s="10" t="s">
        <v>4</v>
      </c>
      <c r="D8" s="25">
        <v>35</v>
      </c>
      <c r="E8" s="9"/>
      <c r="F8" s="10" t="s">
        <v>4</v>
      </c>
    </row>
    <row r="9" spans="1:6" s="31" customFormat="1" ht="22.95" customHeight="1" x14ac:dyDescent="0.2">
      <c r="A9" s="11">
        <v>6</v>
      </c>
      <c r="B9" s="12"/>
      <c r="C9" s="14" t="s">
        <v>4</v>
      </c>
      <c r="D9" s="26">
        <v>36</v>
      </c>
      <c r="E9" s="13"/>
      <c r="F9" s="14" t="s">
        <v>4</v>
      </c>
    </row>
    <row r="10" spans="1:6" s="31" customFormat="1" ht="22.95" customHeight="1" x14ac:dyDescent="0.2">
      <c r="A10" s="6">
        <v>7</v>
      </c>
      <c r="B10" s="4"/>
      <c r="C10" s="7" t="s">
        <v>4</v>
      </c>
      <c r="D10" s="24">
        <v>37</v>
      </c>
      <c r="E10" s="5"/>
      <c r="F10" s="7" t="s">
        <v>4</v>
      </c>
    </row>
    <row r="11" spans="1:6" s="31" customFormat="1" ht="22.95" customHeight="1" x14ac:dyDescent="0.2">
      <c r="A11" s="6">
        <v>8</v>
      </c>
      <c r="B11" s="5"/>
      <c r="C11" s="7" t="s">
        <v>4</v>
      </c>
      <c r="D11" s="24">
        <v>38</v>
      </c>
      <c r="E11" s="5"/>
      <c r="F11" s="7" t="s">
        <v>4</v>
      </c>
    </row>
    <row r="12" spans="1:6" s="31" customFormat="1" ht="22.95" customHeight="1" x14ac:dyDescent="0.2">
      <c r="A12" s="6">
        <v>9</v>
      </c>
      <c r="B12" s="5"/>
      <c r="C12" s="7" t="s">
        <v>4</v>
      </c>
      <c r="D12" s="24">
        <v>39</v>
      </c>
      <c r="E12" s="5"/>
      <c r="F12" s="7" t="s">
        <v>4</v>
      </c>
    </row>
    <row r="13" spans="1:6" s="31" customFormat="1" ht="22.95" customHeight="1" thickBot="1" x14ac:dyDescent="0.25">
      <c r="A13" s="20">
        <v>10</v>
      </c>
      <c r="B13" s="21"/>
      <c r="C13" s="22" t="s">
        <v>4</v>
      </c>
      <c r="D13" s="27">
        <v>40</v>
      </c>
      <c r="E13" s="21"/>
      <c r="F13" s="22" t="s">
        <v>4</v>
      </c>
    </row>
    <row r="14" spans="1:6" s="31" customFormat="1" ht="22.95" customHeight="1" x14ac:dyDescent="0.2">
      <c r="A14" s="15">
        <v>11</v>
      </c>
      <c r="B14" s="17"/>
      <c r="C14" s="18" t="s">
        <v>4</v>
      </c>
      <c r="D14" s="23">
        <v>41</v>
      </c>
      <c r="E14" s="17"/>
      <c r="F14" s="18" t="s">
        <v>4</v>
      </c>
    </row>
    <row r="15" spans="1:6" s="31" customFormat="1" ht="22.95" customHeight="1" x14ac:dyDescent="0.2">
      <c r="A15" s="6">
        <v>12</v>
      </c>
      <c r="B15" s="5"/>
      <c r="C15" s="7" t="s">
        <v>4</v>
      </c>
      <c r="D15" s="24">
        <v>42</v>
      </c>
      <c r="E15" s="5"/>
      <c r="F15" s="7" t="s">
        <v>4</v>
      </c>
    </row>
    <row r="16" spans="1:6" s="31" customFormat="1" ht="22.95" customHeight="1" x14ac:dyDescent="0.2">
      <c r="A16" s="6">
        <v>13</v>
      </c>
      <c r="B16" s="5"/>
      <c r="C16" s="7" t="s">
        <v>4</v>
      </c>
      <c r="D16" s="24">
        <v>43</v>
      </c>
      <c r="E16" s="5"/>
      <c r="F16" s="7" t="s">
        <v>4</v>
      </c>
    </row>
    <row r="17" spans="1:6" s="31" customFormat="1" ht="22.95" customHeight="1" x14ac:dyDescent="0.2">
      <c r="A17" s="6">
        <v>14</v>
      </c>
      <c r="B17" s="5"/>
      <c r="C17" s="7" t="s">
        <v>4</v>
      </c>
      <c r="D17" s="24">
        <v>44</v>
      </c>
      <c r="E17" s="5"/>
      <c r="F17" s="7" t="s">
        <v>4</v>
      </c>
    </row>
    <row r="18" spans="1:6" s="31" customFormat="1" ht="22.95" customHeight="1" thickBot="1" x14ac:dyDescent="0.25">
      <c r="A18" s="8">
        <v>15</v>
      </c>
      <c r="B18" s="9"/>
      <c r="C18" s="10" t="s">
        <v>4</v>
      </c>
      <c r="D18" s="25">
        <v>45</v>
      </c>
      <c r="E18" s="9"/>
      <c r="F18" s="10" t="s">
        <v>4</v>
      </c>
    </row>
    <row r="19" spans="1:6" s="31" customFormat="1" ht="22.95" customHeight="1" x14ac:dyDescent="0.2">
      <c r="A19" s="11">
        <v>16</v>
      </c>
      <c r="B19" s="13"/>
      <c r="C19" s="14" t="s">
        <v>4</v>
      </c>
      <c r="D19" s="26">
        <v>46</v>
      </c>
      <c r="E19" s="13"/>
      <c r="F19" s="14" t="s">
        <v>4</v>
      </c>
    </row>
    <row r="20" spans="1:6" s="31" customFormat="1" ht="22.95" customHeight="1" x14ac:dyDescent="0.2">
      <c r="A20" s="6">
        <v>17</v>
      </c>
      <c r="B20" s="5"/>
      <c r="C20" s="7" t="s">
        <v>4</v>
      </c>
      <c r="D20" s="24">
        <v>47</v>
      </c>
      <c r="E20" s="5"/>
      <c r="F20" s="7" t="s">
        <v>4</v>
      </c>
    </row>
    <row r="21" spans="1:6" s="31" customFormat="1" ht="22.95" customHeight="1" x14ac:dyDescent="0.2">
      <c r="A21" s="6">
        <v>18</v>
      </c>
      <c r="B21" s="5"/>
      <c r="C21" s="7" t="s">
        <v>4</v>
      </c>
      <c r="D21" s="24">
        <v>48</v>
      </c>
      <c r="E21" s="5"/>
      <c r="F21" s="7" t="s">
        <v>4</v>
      </c>
    </row>
    <row r="22" spans="1:6" s="31" customFormat="1" ht="22.95" customHeight="1" x14ac:dyDescent="0.2">
      <c r="A22" s="6">
        <v>19</v>
      </c>
      <c r="B22" s="5"/>
      <c r="C22" s="7" t="s">
        <v>4</v>
      </c>
      <c r="D22" s="24">
        <v>49</v>
      </c>
      <c r="E22" s="5"/>
      <c r="F22" s="7" t="s">
        <v>4</v>
      </c>
    </row>
    <row r="23" spans="1:6" s="31" customFormat="1" ht="22.95" customHeight="1" thickBot="1" x14ac:dyDescent="0.25">
      <c r="A23" s="6">
        <v>20</v>
      </c>
      <c r="B23" s="5"/>
      <c r="C23" s="7" t="s">
        <v>4</v>
      </c>
      <c r="D23" s="24">
        <v>50</v>
      </c>
      <c r="E23" s="5"/>
      <c r="F23" s="7" t="s">
        <v>4</v>
      </c>
    </row>
    <row r="24" spans="1:6" s="31" customFormat="1" ht="22.95" customHeight="1" x14ac:dyDescent="0.2">
      <c r="A24" s="15">
        <v>21</v>
      </c>
      <c r="B24" s="17"/>
      <c r="C24" s="18" t="s">
        <v>4</v>
      </c>
      <c r="D24" s="23">
        <v>51</v>
      </c>
      <c r="E24" s="17"/>
      <c r="F24" s="18" t="s">
        <v>4</v>
      </c>
    </row>
    <row r="25" spans="1:6" s="31" customFormat="1" ht="22.95" customHeight="1" x14ac:dyDescent="0.2">
      <c r="A25" s="6">
        <v>22</v>
      </c>
      <c r="B25" s="5"/>
      <c r="C25" s="7" t="s">
        <v>4</v>
      </c>
      <c r="D25" s="24">
        <v>52</v>
      </c>
      <c r="E25" s="5"/>
      <c r="F25" s="7" t="s">
        <v>4</v>
      </c>
    </row>
    <row r="26" spans="1:6" s="31" customFormat="1" ht="22.95" customHeight="1" x14ac:dyDescent="0.2">
      <c r="A26" s="6">
        <v>23</v>
      </c>
      <c r="B26" s="5"/>
      <c r="C26" s="7" t="s">
        <v>4</v>
      </c>
      <c r="D26" s="24">
        <v>53</v>
      </c>
      <c r="E26" s="5"/>
      <c r="F26" s="7" t="s">
        <v>4</v>
      </c>
    </row>
    <row r="27" spans="1:6" s="31" customFormat="1" ht="22.95" customHeight="1" x14ac:dyDescent="0.2">
      <c r="A27" s="6">
        <v>24</v>
      </c>
      <c r="B27" s="5"/>
      <c r="C27" s="7" t="s">
        <v>4</v>
      </c>
      <c r="D27" s="24">
        <v>54</v>
      </c>
      <c r="E27" s="5"/>
      <c r="F27" s="7" t="s">
        <v>4</v>
      </c>
    </row>
    <row r="28" spans="1:6" s="31" customFormat="1" ht="22.95" customHeight="1" thickBot="1" x14ac:dyDescent="0.25">
      <c r="A28" s="8">
        <v>25</v>
      </c>
      <c r="B28" s="9"/>
      <c r="C28" s="10" t="s">
        <v>4</v>
      </c>
      <c r="D28" s="25">
        <v>55</v>
      </c>
      <c r="E28" s="9"/>
      <c r="F28" s="10" t="s">
        <v>4</v>
      </c>
    </row>
    <row r="29" spans="1:6" s="31" customFormat="1" ht="22.95" customHeight="1" x14ac:dyDescent="0.2">
      <c r="A29" s="11">
        <v>26</v>
      </c>
      <c r="B29" s="13"/>
      <c r="C29" s="14" t="s">
        <v>4</v>
      </c>
      <c r="D29" s="26">
        <v>56</v>
      </c>
      <c r="E29" s="13"/>
      <c r="F29" s="14" t="s">
        <v>4</v>
      </c>
    </row>
    <row r="30" spans="1:6" s="31" customFormat="1" ht="22.95" customHeight="1" x14ac:dyDescent="0.2">
      <c r="A30" s="6">
        <v>27</v>
      </c>
      <c r="B30" s="5"/>
      <c r="C30" s="7" t="s">
        <v>4</v>
      </c>
      <c r="D30" s="24">
        <v>57</v>
      </c>
      <c r="E30" s="5"/>
      <c r="F30" s="7" t="s">
        <v>4</v>
      </c>
    </row>
    <row r="31" spans="1:6" s="31" customFormat="1" ht="22.95" customHeight="1" x14ac:dyDescent="0.2">
      <c r="A31" s="6">
        <v>28</v>
      </c>
      <c r="B31" s="5"/>
      <c r="C31" s="7" t="s">
        <v>4</v>
      </c>
      <c r="D31" s="24">
        <v>58</v>
      </c>
      <c r="E31" s="5"/>
      <c r="F31" s="7" t="s">
        <v>4</v>
      </c>
    </row>
    <row r="32" spans="1:6" s="31" customFormat="1" ht="22.95" customHeight="1" x14ac:dyDescent="0.2">
      <c r="A32" s="6">
        <v>29</v>
      </c>
      <c r="B32" s="5"/>
      <c r="C32" s="7" t="s">
        <v>4</v>
      </c>
      <c r="D32" s="24">
        <v>59</v>
      </c>
      <c r="E32" s="5"/>
      <c r="F32" s="7" t="s">
        <v>4</v>
      </c>
    </row>
    <row r="33" spans="1:6" s="31" customFormat="1" ht="22.95" customHeight="1" thickBot="1" x14ac:dyDescent="0.25">
      <c r="A33" s="8">
        <v>30</v>
      </c>
      <c r="B33" s="9"/>
      <c r="C33" s="10" t="s">
        <v>4</v>
      </c>
      <c r="D33" s="25">
        <v>60</v>
      </c>
      <c r="E33" s="9"/>
      <c r="F33" s="10" t="s">
        <v>4</v>
      </c>
    </row>
    <row r="34" spans="1:6" ht="21" customHeight="1" x14ac:dyDescent="0.2">
      <c r="A34" s="37" t="s">
        <v>5</v>
      </c>
      <c r="B34" s="38"/>
      <c r="C34" s="38"/>
      <c r="D34" s="38"/>
      <c r="E34" s="38"/>
      <c r="F34" s="38"/>
    </row>
    <row r="35" spans="1:6" ht="16.2" x14ac:dyDescent="0.2">
      <c r="A35" s="3"/>
    </row>
    <row r="36" spans="1:6" ht="14.4" x14ac:dyDescent="0.2">
      <c r="A36" s="1"/>
    </row>
    <row r="37" spans="1:6" ht="14.4" x14ac:dyDescent="0.2">
      <c r="A37" s="1"/>
    </row>
    <row r="38" spans="1:6" ht="22.95" customHeight="1" x14ac:dyDescent="0.2">
      <c r="A38" s="1" t="s">
        <v>10</v>
      </c>
      <c r="B38" s="2"/>
      <c r="F38" s="36" t="s">
        <v>8</v>
      </c>
    </row>
    <row r="39" spans="1:6" ht="25.2" customHeight="1" thickBot="1" x14ac:dyDescent="0.25">
      <c r="A39" s="2" t="s">
        <v>0</v>
      </c>
    </row>
    <row r="40" spans="1:6" ht="20.399999999999999" customHeight="1" thickBot="1" x14ac:dyDescent="0.25">
      <c r="A40" s="33" t="s">
        <v>1</v>
      </c>
      <c r="B40" s="34" t="s">
        <v>2</v>
      </c>
      <c r="C40" s="35" t="s">
        <v>3</v>
      </c>
      <c r="D40" s="33" t="s">
        <v>1</v>
      </c>
      <c r="E40" s="34" t="s">
        <v>2</v>
      </c>
      <c r="F40" s="35" t="s">
        <v>3</v>
      </c>
    </row>
    <row r="41" spans="1:6" ht="22.95" customHeight="1" x14ac:dyDescent="0.2">
      <c r="A41" s="15">
        <v>1</v>
      </c>
      <c r="B41" s="16"/>
      <c r="C41" s="18" t="s">
        <v>4</v>
      </c>
      <c r="D41" s="15">
        <v>31</v>
      </c>
      <c r="E41" s="17"/>
      <c r="F41" s="18" t="s">
        <v>4</v>
      </c>
    </row>
    <row r="42" spans="1:6" ht="22.95" customHeight="1" x14ac:dyDescent="0.2">
      <c r="A42" s="6">
        <v>2</v>
      </c>
      <c r="B42" s="4"/>
      <c r="C42" s="7" t="s">
        <v>4</v>
      </c>
      <c r="D42" s="6">
        <v>32</v>
      </c>
      <c r="E42" s="5"/>
      <c r="F42" s="7" t="s">
        <v>4</v>
      </c>
    </row>
    <row r="43" spans="1:6" ht="22.95" customHeight="1" x14ac:dyDescent="0.2">
      <c r="A43" s="6">
        <v>3</v>
      </c>
      <c r="B43" s="4"/>
      <c r="C43" s="7" t="s">
        <v>4</v>
      </c>
      <c r="D43" s="6">
        <v>33</v>
      </c>
      <c r="E43" s="5"/>
      <c r="F43" s="7" t="s">
        <v>4</v>
      </c>
    </row>
    <row r="44" spans="1:6" ht="22.95" customHeight="1" x14ac:dyDescent="0.2">
      <c r="A44" s="6">
        <v>4</v>
      </c>
      <c r="B44" s="4"/>
      <c r="C44" s="7" t="s">
        <v>4</v>
      </c>
      <c r="D44" s="6">
        <v>34</v>
      </c>
      <c r="E44" s="5"/>
      <c r="F44" s="7" t="s">
        <v>4</v>
      </c>
    </row>
    <row r="45" spans="1:6" ht="22.95" customHeight="1" thickBot="1" x14ac:dyDescent="0.25">
      <c r="A45" s="8">
        <v>5</v>
      </c>
      <c r="B45" s="19"/>
      <c r="C45" s="10" t="s">
        <v>4</v>
      </c>
      <c r="D45" s="8">
        <v>35</v>
      </c>
      <c r="E45" s="9"/>
      <c r="F45" s="10" t="s">
        <v>4</v>
      </c>
    </row>
    <row r="46" spans="1:6" ht="22.95" customHeight="1" x14ac:dyDescent="0.2">
      <c r="A46" s="11">
        <v>6</v>
      </c>
      <c r="B46" s="12"/>
      <c r="C46" s="14" t="s">
        <v>4</v>
      </c>
      <c r="D46" s="11">
        <v>36</v>
      </c>
      <c r="E46" s="13"/>
      <c r="F46" s="14" t="s">
        <v>4</v>
      </c>
    </row>
    <row r="47" spans="1:6" ht="22.95" customHeight="1" x14ac:dyDescent="0.2">
      <c r="A47" s="6">
        <v>7</v>
      </c>
      <c r="B47" s="4"/>
      <c r="C47" s="7" t="s">
        <v>4</v>
      </c>
      <c r="D47" s="6">
        <v>37</v>
      </c>
      <c r="E47" s="5"/>
      <c r="F47" s="7" t="s">
        <v>4</v>
      </c>
    </row>
    <row r="48" spans="1:6" ht="22.95" customHeight="1" x14ac:dyDescent="0.2">
      <c r="A48" s="6">
        <v>8</v>
      </c>
      <c r="B48" s="5"/>
      <c r="C48" s="7" t="s">
        <v>4</v>
      </c>
      <c r="D48" s="6">
        <v>38</v>
      </c>
      <c r="E48" s="5"/>
      <c r="F48" s="7" t="s">
        <v>4</v>
      </c>
    </row>
    <row r="49" spans="1:6" ht="22.95" customHeight="1" x14ac:dyDescent="0.2">
      <c r="A49" s="6">
        <v>9</v>
      </c>
      <c r="B49" s="5"/>
      <c r="C49" s="7" t="s">
        <v>4</v>
      </c>
      <c r="D49" s="6">
        <v>39</v>
      </c>
      <c r="E49" s="5"/>
      <c r="F49" s="7" t="s">
        <v>4</v>
      </c>
    </row>
    <row r="50" spans="1:6" ht="22.95" customHeight="1" thickBot="1" x14ac:dyDescent="0.25">
      <c r="A50" s="20">
        <v>10</v>
      </c>
      <c r="B50" s="21"/>
      <c r="C50" s="22" t="s">
        <v>4</v>
      </c>
      <c r="D50" s="20">
        <v>40</v>
      </c>
      <c r="E50" s="21"/>
      <c r="F50" s="22" t="s">
        <v>4</v>
      </c>
    </row>
    <row r="51" spans="1:6" ht="22.95" customHeight="1" x14ac:dyDescent="0.2">
      <c r="A51" s="15">
        <v>11</v>
      </c>
      <c r="B51" s="17"/>
      <c r="C51" s="18" t="s">
        <v>4</v>
      </c>
      <c r="D51" s="15">
        <v>41</v>
      </c>
      <c r="E51" s="17"/>
      <c r="F51" s="18" t="s">
        <v>4</v>
      </c>
    </row>
    <row r="52" spans="1:6" ht="22.95" customHeight="1" x14ac:dyDescent="0.2">
      <c r="A52" s="6">
        <v>12</v>
      </c>
      <c r="B52" s="5"/>
      <c r="C52" s="7" t="s">
        <v>4</v>
      </c>
      <c r="D52" s="6">
        <v>42</v>
      </c>
      <c r="E52" s="5"/>
      <c r="F52" s="7" t="s">
        <v>4</v>
      </c>
    </row>
    <row r="53" spans="1:6" ht="22.95" customHeight="1" x14ac:dyDescent="0.2">
      <c r="A53" s="6">
        <v>13</v>
      </c>
      <c r="B53" s="5"/>
      <c r="C53" s="7" t="s">
        <v>4</v>
      </c>
      <c r="D53" s="6">
        <v>43</v>
      </c>
      <c r="E53" s="5"/>
      <c r="F53" s="7" t="s">
        <v>4</v>
      </c>
    </row>
    <row r="54" spans="1:6" ht="22.95" customHeight="1" x14ac:dyDescent="0.2">
      <c r="A54" s="6">
        <v>14</v>
      </c>
      <c r="B54" s="5"/>
      <c r="C54" s="7" t="s">
        <v>4</v>
      </c>
      <c r="D54" s="6">
        <v>44</v>
      </c>
      <c r="E54" s="5"/>
      <c r="F54" s="7" t="s">
        <v>4</v>
      </c>
    </row>
    <row r="55" spans="1:6" ht="22.95" customHeight="1" thickBot="1" x14ac:dyDescent="0.25">
      <c r="A55" s="8">
        <v>15</v>
      </c>
      <c r="B55" s="9"/>
      <c r="C55" s="10" t="s">
        <v>4</v>
      </c>
      <c r="D55" s="8">
        <v>45</v>
      </c>
      <c r="E55" s="9"/>
      <c r="F55" s="10" t="s">
        <v>4</v>
      </c>
    </row>
    <row r="56" spans="1:6" ht="22.95" customHeight="1" x14ac:dyDescent="0.2">
      <c r="A56" s="11">
        <v>16</v>
      </c>
      <c r="B56" s="13"/>
      <c r="C56" s="14" t="s">
        <v>4</v>
      </c>
      <c r="D56" s="11">
        <v>46</v>
      </c>
      <c r="E56" s="13"/>
      <c r="F56" s="14" t="s">
        <v>4</v>
      </c>
    </row>
    <row r="57" spans="1:6" ht="22.95" customHeight="1" x14ac:dyDescent="0.2">
      <c r="A57" s="6">
        <v>17</v>
      </c>
      <c r="B57" s="5"/>
      <c r="C57" s="7" t="s">
        <v>4</v>
      </c>
      <c r="D57" s="6">
        <v>47</v>
      </c>
      <c r="E57" s="5"/>
      <c r="F57" s="7" t="s">
        <v>4</v>
      </c>
    </row>
    <row r="58" spans="1:6" ht="22.95" customHeight="1" x14ac:dyDescent="0.2">
      <c r="A58" s="6">
        <v>18</v>
      </c>
      <c r="B58" s="5"/>
      <c r="C58" s="7" t="s">
        <v>4</v>
      </c>
      <c r="D58" s="6">
        <v>48</v>
      </c>
      <c r="E58" s="5"/>
      <c r="F58" s="7" t="s">
        <v>4</v>
      </c>
    </row>
    <row r="59" spans="1:6" ht="22.95" customHeight="1" x14ac:dyDescent="0.2">
      <c r="A59" s="6">
        <v>19</v>
      </c>
      <c r="B59" s="5"/>
      <c r="C59" s="7" t="s">
        <v>4</v>
      </c>
      <c r="D59" s="6">
        <v>49</v>
      </c>
      <c r="E59" s="5"/>
      <c r="F59" s="7" t="s">
        <v>4</v>
      </c>
    </row>
    <row r="60" spans="1:6" s="31" customFormat="1" ht="22.95" customHeight="1" thickBot="1" x14ac:dyDescent="0.25">
      <c r="A60" s="20">
        <v>20</v>
      </c>
      <c r="B60" s="21"/>
      <c r="C60" s="22" t="s">
        <v>4</v>
      </c>
      <c r="D60" s="20">
        <v>50</v>
      </c>
      <c r="E60" s="21"/>
      <c r="F60" s="22" t="s">
        <v>4</v>
      </c>
    </row>
    <row r="61" spans="1:6" ht="22.95" customHeight="1" x14ac:dyDescent="0.2">
      <c r="A61" s="15">
        <v>21</v>
      </c>
      <c r="B61" s="17"/>
      <c r="C61" s="18" t="s">
        <v>4</v>
      </c>
      <c r="D61" s="15">
        <v>51</v>
      </c>
      <c r="E61" s="17"/>
      <c r="F61" s="18" t="s">
        <v>4</v>
      </c>
    </row>
    <row r="62" spans="1:6" ht="22.95" customHeight="1" x14ac:dyDescent="0.2">
      <c r="A62" s="6">
        <v>22</v>
      </c>
      <c r="B62" s="5"/>
      <c r="C62" s="7" t="s">
        <v>4</v>
      </c>
      <c r="D62" s="6">
        <v>52</v>
      </c>
      <c r="E62" s="5"/>
      <c r="F62" s="7" t="s">
        <v>4</v>
      </c>
    </row>
    <row r="63" spans="1:6" ht="22.95" customHeight="1" x14ac:dyDescent="0.2">
      <c r="A63" s="6">
        <v>23</v>
      </c>
      <c r="B63" s="5"/>
      <c r="C63" s="7" t="s">
        <v>4</v>
      </c>
      <c r="D63" s="6">
        <v>53</v>
      </c>
      <c r="E63" s="5"/>
      <c r="F63" s="7" t="s">
        <v>4</v>
      </c>
    </row>
    <row r="64" spans="1:6" ht="22.95" customHeight="1" x14ac:dyDescent="0.2">
      <c r="A64" s="6">
        <v>24</v>
      </c>
      <c r="B64" s="5"/>
      <c r="C64" s="7" t="s">
        <v>4</v>
      </c>
      <c r="D64" s="6">
        <v>54</v>
      </c>
      <c r="E64" s="5"/>
      <c r="F64" s="7" t="s">
        <v>4</v>
      </c>
    </row>
    <row r="65" spans="1:6" ht="22.95" customHeight="1" thickBot="1" x14ac:dyDescent="0.25">
      <c r="A65" s="8">
        <v>25</v>
      </c>
      <c r="B65" s="9"/>
      <c r="C65" s="10" t="s">
        <v>4</v>
      </c>
      <c r="D65" s="8">
        <v>55</v>
      </c>
      <c r="E65" s="9"/>
      <c r="F65" s="10" t="s">
        <v>4</v>
      </c>
    </row>
    <row r="66" spans="1:6" ht="22.95" customHeight="1" x14ac:dyDescent="0.2">
      <c r="A66" s="11">
        <v>26</v>
      </c>
      <c r="B66" s="13"/>
      <c r="C66" s="14" t="s">
        <v>4</v>
      </c>
      <c r="D66" s="11">
        <v>56</v>
      </c>
      <c r="E66" s="13"/>
      <c r="F66" s="14" t="s">
        <v>4</v>
      </c>
    </row>
    <row r="67" spans="1:6" ht="22.95" customHeight="1" x14ac:dyDescent="0.2">
      <c r="A67" s="6">
        <v>27</v>
      </c>
      <c r="B67" s="5"/>
      <c r="C67" s="7" t="s">
        <v>4</v>
      </c>
      <c r="D67" s="6">
        <v>57</v>
      </c>
      <c r="E67" s="5"/>
      <c r="F67" s="7" t="s">
        <v>4</v>
      </c>
    </row>
    <row r="68" spans="1:6" ht="22.95" customHeight="1" x14ac:dyDescent="0.2">
      <c r="A68" s="6">
        <v>28</v>
      </c>
      <c r="B68" s="5"/>
      <c r="C68" s="7" t="s">
        <v>4</v>
      </c>
      <c r="D68" s="6">
        <v>58</v>
      </c>
      <c r="E68" s="5"/>
      <c r="F68" s="7" t="s">
        <v>4</v>
      </c>
    </row>
    <row r="69" spans="1:6" ht="22.95" customHeight="1" x14ac:dyDescent="0.2">
      <c r="A69" s="6">
        <v>29</v>
      </c>
      <c r="B69" s="5"/>
      <c r="C69" s="7" t="s">
        <v>4</v>
      </c>
      <c r="D69" s="6">
        <v>59</v>
      </c>
      <c r="E69" s="5"/>
      <c r="F69" s="7" t="s">
        <v>4</v>
      </c>
    </row>
    <row r="70" spans="1:6" ht="22.95" customHeight="1" thickBot="1" x14ac:dyDescent="0.25">
      <c r="A70" s="8">
        <v>30</v>
      </c>
      <c r="B70" s="9"/>
      <c r="C70" s="10" t="s">
        <v>4</v>
      </c>
      <c r="D70" s="8">
        <v>60</v>
      </c>
      <c r="E70" s="9"/>
      <c r="F70" s="10" t="s">
        <v>4</v>
      </c>
    </row>
    <row r="71" spans="1:6" ht="18.600000000000001" customHeight="1" x14ac:dyDescent="0.2">
      <c r="A71" s="39" t="s">
        <v>5</v>
      </c>
      <c r="B71" s="40"/>
      <c r="C71" s="40"/>
      <c r="D71" s="40"/>
      <c r="E71" s="40"/>
      <c r="F71" s="40"/>
    </row>
    <row r="72" spans="1:6" ht="16.2" x14ac:dyDescent="0.2">
      <c r="A72" s="3"/>
    </row>
  </sheetData>
  <mergeCells count="2">
    <mergeCell ref="A34:F34"/>
    <mergeCell ref="A71:F71"/>
  </mergeCells>
  <phoneticPr fontId="27"/>
  <pageMargins left="0.59055118110236227" right="0.59055118110236227" top="0.59055118110236227" bottom="0.39370078740157483" header="0.51181102362204722" footer="0.51181102362204722"/>
  <pageSetup paperSize="9" orientation="portrait" r:id="rId1"/>
  <rowBreaks count="1" manualBreakCount="1">
    <brk id="37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emplate>6BA4A19E.dotm</Template>
  <TotalTime>117</TotalTime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名簿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記載上の注意点</dc:title>
  <dc:creator>富山市役所</dc:creator>
  <cp:lastModifiedBy>富山市</cp:lastModifiedBy>
  <cp:revision>2</cp:revision>
  <cp:lastPrinted>2019-03-22T05:46:17Z</cp:lastPrinted>
  <dcterms:created xsi:type="dcterms:W3CDTF">2019-03-22T02:39:00Z</dcterms:created>
  <dcterms:modified xsi:type="dcterms:W3CDTF">2023-12-15T06:00:12Z</dcterms:modified>
</cp:coreProperties>
</file>